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W w:w="0" w:type="auto"/>
        <w:jc w:val="center"/>
        <w:tblLayout w:type="fixed"/>
        <w:tblCellMar>
          <w:left w:w="0" w:type="dxa"/>
          <w:right w:w="0" w:type="dxa"/>
        </w:tblCellMar>
        <w:tblLook w:val="0000" w:firstRow="0" w:lastRow="0" w:firstColumn="0" w:lastColumn="0" w:noHBand="0" w:noVBand="0"/>
      </w:tblPr>
      <w:tblGrid>
        <w:gridCol w:w="3240"/>
        <w:gridCol w:w="1595"/>
        <w:gridCol w:w="1594"/>
        <w:gridCol w:w="1594"/>
        <w:gridCol w:w="1090"/>
      </w:tblGrid>
      <w:tr w:rsidR="00E40557" w:rsidRPr="005561CF" w14:paraId="168A2F02" w14:textId="77777777" w:rsidTr="00FB4318">
        <w:trPr>
          <w:cantSplit/>
          <w:tblHeader/>
          <w:jc w:val="center"/>
        </w:trPr>
        <w:tc>
          <w:tcPr>
            <w:tcW w:w="9113" w:type="dxa"/>
            <w:gridSpan w:val="5"/>
            <w:tcBorders>
              <w:top w:val="nil"/>
              <w:left w:val="nil"/>
              <w:bottom w:val="single" w:sz="4" w:space="0" w:color="000000"/>
              <w:right w:val="nil"/>
            </w:tcBorders>
            <w:shd w:val="clear" w:color="auto" w:fill="FFFFFF"/>
            <w:vAlign w:val="bottom"/>
          </w:tcPr>
          <w:p w14:paraId="0A486653" w14:textId="77777777" w:rsidR="00E40557" w:rsidRPr="00DA0F99" w:rsidRDefault="00E40557" w:rsidP="00FB4318">
            <w:pPr>
              <w:adjustRightInd w:val="0"/>
              <w:ind w:left="86"/>
              <w:jc w:val="both"/>
              <w:rPr>
                <w:color w:val="000000"/>
              </w:rPr>
            </w:pPr>
          </w:p>
        </w:tc>
      </w:tr>
      <w:tr w:rsidR="00E40557" w:rsidRPr="005561CF" w14:paraId="68736B8F" w14:textId="77777777" w:rsidTr="00FB4318">
        <w:trPr>
          <w:cantSplit/>
          <w:tblHeader/>
          <w:jc w:val="center"/>
        </w:trPr>
        <w:tc>
          <w:tcPr>
            <w:tcW w:w="3240" w:type="dxa"/>
            <w:tcBorders>
              <w:top w:val="nil"/>
              <w:left w:val="nil"/>
              <w:bottom w:val="single" w:sz="2" w:space="0" w:color="000000"/>
              <w:right w:val="nil"/>
            </w:tcBorders>
            <w:shd w:val="clear" w:color="auto" w:fill="FFFFFF"/>
            <w:vAlign w:val="bottom"/>
          </w:tcPr>
          <w:p w14:paraId="4E3A23B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single" w:sz="2" w:space="0" w:color="000000"/>
              <w:right w:val="nil"/>
            </w:tcBorders>
            <w:shd w:val="clear" w:color="auto" w:fill="FFFFFF"/>
            <w:vAlign w:val="bottom"/>
          </w:tcPr>
          <w:p w14:paraId="2777E71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C</w:t>
            </w:r>
            <w:r>
              <w:rPr>
                <w:color w:val="000000"/>
              </w:rPr>
              <w:t>isgender</w:t>
            </w:r>
            <w:r w:rsidRPr="00DA0F99">
              <w:rPr>
                <w:color w:val="000000"/>
              </w:rPr>
              <w:br/>
              <w:t>(N=796)</w:t>
            </w:r>
          </w:p>
        </w:tc>
        <w:tc>
          <w:tcPr>
            <w:tcW w:w="1594" w:type="dxa"/>
            <w:tcBorders>
              <w:top w:val="nil"/>
              <w:left w:val="nil"/>
              <w:bottom w:val="single" w:sz="2" w:space="0" w:color="000000"/>
              <w:right w:val="nil"/>
            </w:tcBorders>
            <w:shd w:val="clear" w:color="auto" w:fill="FFFFFF"/>
            <w:vAlign w:val="bottom"/>
          </w:tcPr>
          <w:p w14:paraId="3DEA04A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>
              <w:rPr>
                <w:color w:val="000000"/>
              </w:rPr>
              <w:t>Transgender</w:t>
            </w:r>
            <w:r w:rsidRPr="00DA0F99">
              <w:rPr>
                <w:color w:val="000000"/>
              </w:rPr>
              <w:br/>
              <w:t>(N=796)</w:t>
            </w:r>
          </w:p>
        </w:tc>
        <w:tc>
          <w:tcPr>
            <w:tcW w:w="1594" w:type="dxa"/>
            <w:tcBorders>
              <w:top w:val="nil"/>
              <w:left w:val="nil"/>
              <w:bottom w:val="single" w:sz="2" w:space="0" w:color="000000"/>
              <w:right w:val="nil"/>
            </w:tcBorders>
            <w:shd w:val="clear" w:color="auto" w:fill="FFFFFF"/>
            <w:vAlign w:val="bottom"/>
          </w:tcPr>
          <w:p w14:paraId="55C1283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Total</w:t>
            </w:r>
            <w:r w:rsidRPr="00DA0F99">
              <w:rPr>
                <w:color w:val="000000"/>
              </w:rPr>
              <w:br/>
              <w:t>(N=1592)</w:t>
            </w:r>
          </w:p>
        </w:tc>
        <w:tc>
          <w:tcPr>
            <w:tcW w:w="1090" w:type="dxa"/>
            <w:tcBorders>
              <w:top w:val="nil"/>
              <w:left w:val="nil"/>
              <w:bottom w:val="single" w:sz="2" w:space="0" w:color="000000"/>
              <w:right w:val="nil"/>
            </w:tcBorders>
            <w:shd w:val="clear" w:color="auto" w:fill="FFFFFF"/>
            <w:vAlign w:val="bottom"/>
          </w:tcPr>
          <w:p w14:paraId="6E30FD5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P-value</w:t>
            </w:r>
          </w:p>
        </w:tc>
      </w:tr>
      <w:tr w:rsidR="00E40557" w:rsidRPr="005561CF" w14:paraId="6D769D7A" w14:textId="77777777" w:rsidTr="00FB4318">
        <w:trPr>
          <w:cantSplit/>
          <w:jc w:val="center"/>
        </w:trPr>
        <w:tc>
          <w:tcPr>
            <w:tcW w:w="3240" w:type="dxa"/>
            <w:tcBorders>
              <w:top w:val="single" w:sz="2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2EF24A75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Total operation time</w:t>
            </w:r>
          </w:p>
        </w:tc>
        <w:tc>
          <w:tcPr>
            <w:tcW w:w="1595" w:type="dxa"/>
            <w:tcBorders>
              <w:top w:val="single" w:sz="2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201F277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single" w:sz="2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663B076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single" w:sz="2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0198EE1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single" w:sz="2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62F1B34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&lt;.001</w:t>
            </w:r>
            <w:r w:rsidRPr="00DA0F99">
              <w:rPr>
                <w:color w:val="000000"/>
                <w:vertAlign w:val="superscript"/>
              </w:rPr>
              <w:t>1</w:t>
            </w:r>
          </w:p>
        </w:tc>
      </w:tr>
      <w:tr w:rsidR="00E40557" w:rsidRPr="005561CF" w14:paraId="150EBAF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A8446F4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FA305B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C1FEA5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F6D0A4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2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530328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3713FC5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1263983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Median (IQR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2795CD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97.0 (76.0, 126.0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4EC50F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13.0 (86.5, 144.0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8EA126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05.0 (82.0, 136.0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6D0E5F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7A91BE9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4C38E5D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Rang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D393E9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30.0, 452.0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822A7D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9.0, 701.0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48D57B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9.0, 701.0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D6AF04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051CE72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449BA64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B805AD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629625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CAD751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572185A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C02F26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0DB7378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Length of total hospital stay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DE988F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337C19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D0BC77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7EF8D0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&lt;.001</w:t>
            </w:r>
            <w:r w:rsidRPr="00DA0F99">
              <w:rPr>
                <w:color w:val="000000"/>
                <w:vertAlign w:val="superscript"/>
              </w:rPr>
              <w:t>1</w:t>
            </w:r>
          </w:p>
        </w:tc>
      </w:tr>
      <w:tr w:rsidR="00E40557" w:rsidRPr="005561CF" w14:paraId="6BB36BC4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8195818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F5556E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7F4A38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5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F316AC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1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5DAF34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933BF2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D3A25FA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Median (IQR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ACFD7B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.0 (0.0, 1.0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2925C0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0 (0.0, 1.0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3E1FB6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0 (0.0, 1.0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F77278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29639ED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1393107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Rang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A1ACF0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0, 30.0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185388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0, 18.0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ED7607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0, 30.0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79CE75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21AE8F7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DD26F35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D0125D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014633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92F403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4BEAAE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B692D1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0C1DF1B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Major complication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898EEB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E0ACF8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FC7465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AE2D74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141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1BFF727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CF46A1C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7976CF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1 (98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73C33C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8 (99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B9BDA7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69 (98.6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518303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7001CF8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1D83FEA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018BC5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 (1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FFD2DC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8 (1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ED196D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23 (1.4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994796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488FD0B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082BACC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244CE4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4AAF73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DDA453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99DDF6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65805BF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04646E8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Minor complication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31B10F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067AA8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405D71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F1A0D6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558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4EAE49F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855EEA0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3B0315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70 (96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960A4F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74 (97.2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BA4E4C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44 (97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FE992B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30D1BEA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F57D675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7CAFE8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26 (3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1943BF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22 (2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ECD5D4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48 (3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78051E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2A08A8F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98AE3D0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052A96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E396F7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C76180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984785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6E9C043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947215D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Superficial surgical site infection (NOTE: Definition change in 2019)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8D7BC8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767AB4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F21C94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E32D18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529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31A6340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25BE28A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A0EB98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3 (98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1EF369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6 (98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10E4FE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69 (98.6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D1CB70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04120D7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027AC84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lastRenderedPageBreak/>
              <w:t>Superficial Incisional SSI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D121CF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3 (1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AEE27D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0 (1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D7B437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23 (1.4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CD7F65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D2D23E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39A9DEA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DA8E92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4048FF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E1510E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935B9F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79C3ABF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7C764EF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Deep Incisional SSI (NOTE: Definition change in 2019)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777DCA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C588C2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C0537F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F41C8D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563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297643C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2A8E8DD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4FA40BA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4 (99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F91DC4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5 (99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9BBD51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89 (99.8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5EBFDD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EC0C00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912E9E2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Deep Incisional SSI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5A34C9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2 (0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4BEB76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38F46E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3 (0.2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AA1081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723B6FB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3930283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9D44A1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02BEAF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FE0E01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100AEB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0751B2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D3A3D2F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Organ Space SSI (NOTE: Definition change in 2019)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E4A35C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FFDD6F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82C296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13C46C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051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2018A73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79EE070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514F08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6 (98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F5CE5C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3 (99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9E6EE1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79 (99.2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B498FA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654551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CD42054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Organ/Space SSI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0E9229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0 (1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ADFC57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3 (0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5A6D67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3 (0.8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C7F9A6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DDCD6C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C501E40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8A57C7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FA53EA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161101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3B4102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7F196F5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C276647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Wound Disruption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E8BAC8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F667EE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A1F1ED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6EDE28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654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0700684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DD19CA6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D7354C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4 (99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C87891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3 (99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6A41A4A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87 (99.7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091734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2D5F857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5AE0EF7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Wound Disrup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180EE0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2 (0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A38434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3 (0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B79F89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5 (0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142DE8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56F400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48FBE22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97DF60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053E53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D8D998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C4746A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27F80AA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7F7223C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Pneumonia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EE9104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E22E56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BC8CB8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134218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317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6FC030C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1BD2F69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1D0B65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EEF464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5 (99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C67C72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1 (99.9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44FAD8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2070C3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B1B8F31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Pneumonia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B51297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3AF70F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C8DDEA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9A31FC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70E93E7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36C0AD9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2E8E62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BD205F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33AA2A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B7DB72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2EF6C13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F0F5F5C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Unplanned Intubation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BCA225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49530B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A7B8C2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0BD085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317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7B3880F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B5EFDE6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lastRenderedPageBreak/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63F2CC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0A4DDE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5 (99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FE1AF1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1 (99.9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00642A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0176D62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1B99F89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Unplanned Intub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92A300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28032B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B2556B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27D717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F652AC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7022335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80D72F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70009FA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78BA80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3B9866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0109D21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726F195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Pulmonary Embolism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C0E9A1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739A68A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9B6DBAA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715F94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2319FF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0CCC0DF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A101E0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75CD10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ECBD55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2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CC3E4EA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B199BA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4D311C9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05E2F4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8496A4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37FD0D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97B528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762621D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075E9C7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Ventilator &gt; 48Hours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6965E6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1B0202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CCD913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548D52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4F13220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FED2BCB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8B5D9C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37132CA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8B6346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2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104C55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2D665DA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C0D1959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D9224A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A94F2C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F32D3D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BF6FD7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4C87208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B22A116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Occurrences Postop Dialysis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A8A9A4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24DE5C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1757F9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3AC1AA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63B93FC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6F793AB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2E8F51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E104C4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24A109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2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E6C16F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36FC024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4D12E94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7F4C9D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4EF3FE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97346D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670F88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262126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CF03B73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Urinary Tract Infection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725ACE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B67ED9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D11BBF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C6539A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840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4E4A094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7693677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A5B316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3 (98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783CCE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4 (98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659B85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67 (98.4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B02322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47AEFEC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953F624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Urinary Tract Infec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5167FC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3 (1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B30875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2 (1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FC558F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25 (1.6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0F3E54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4CB0B8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F70DE0E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80376A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7ECE8D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6AE8FE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1D4339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0D54173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C87242D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Stroke/CVA with neurological deficit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78380C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AF129F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0E4AFD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03BB32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2E9D9A3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E0C4A9D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8974DE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F938E2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AC21B3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2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39B79D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68E2400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F325F3C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A7C7B8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49BD84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9C463A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E30957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2975124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AC04CC6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Cardiac Arrest Requiring CPR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E4E332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90D363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AE6782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69D7B7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3A40FF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21086C0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lastRenderedPageBreak/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F0E683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6BFDD9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9A5CA9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2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85AEF8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CD065C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80575BC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482829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DD7C34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96B430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2F71AE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9E1021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1DCD31E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Myocardial Infarction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F9BF83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D8F544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EA0843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EFC8E0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317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3A88D1B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81A6056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6EE824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707EE9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5 (99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6594E8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1 (99.9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B258C6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3AFDFB7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DE33CF1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Myocardial Infarc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1A5B80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D90B8A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408EB0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52C993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7759DB2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CA4D813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B02348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EA71BC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BE091B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1438BD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47D36FD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D394BA5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Blood Transfusion occurrences (2010+)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A17E91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256ADC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255F75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6FDF60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083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1BB41BE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5755B2D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237944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3 (99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9414EB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975051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89 (99.8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9520C7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671DCFF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79F2004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Blood Transfus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E9C350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3 (0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9AA7BB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C59349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3 (0.2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5422F4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4E0E2A9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DC08155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D2EA01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0BFDF0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BDBFF7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1E5202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27444FB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083C656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Occurrences Vein Thrombosis Requiring Therapy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A5C8A9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B3C8E6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D30DCD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694030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563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5C4CCBA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2B25621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E9EEA2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5 (99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188F26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4 (99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DC7E79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89 (99.8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90BFF4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7883EBD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92E0B42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Venous Thrombosis Requiring Therapy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67295E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4EE92B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2 (0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F7F6CB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3 (0.2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67A9A7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3ED8D4F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7FA9A0C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3F4B89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E59766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920448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5F2CE1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26381FE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F6E0F2C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Sepsis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C48DAD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200F58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9D7FA1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DA1E0C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317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2A9E9A9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22BFDC9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CB3FC4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5 (99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FE338F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B0C521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1 (99.9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2B5FC5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3CC2E37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19DEF99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Sepsi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2FD786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100EDA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BA8BD4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37363A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6575CCA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B9E5335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3EAEA7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631219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5E228D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046C16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A4494D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3390CD7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Septic Shock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EAE7CB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6F2F51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1B2066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5AD092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317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5D1B7D1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40F42D0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 Complicatio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8831AA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8A3350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5 (99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835AFF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1 (99.9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EABBA6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54685BC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29B2D4F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lastRenderedPageBreak/>
              <w:t>Septic Shock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625E18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649C9D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7D2219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360675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4F871D1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294BFF9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F958A8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6F0131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3184B9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618C69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4CD85C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D73E8D4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Return to OR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2B7CEF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08B3A7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84F8AB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E88E53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826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003EF2B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B922299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046125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6 (98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B3B37E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5 (98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9DC62A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71 (98.7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6C149F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268C7BF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9F1ADCC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7A52CC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0 (1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6B2881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1 (1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A1C072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21 (1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04C34A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B9B93A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67CFE15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42C6AC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7095DF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D658D8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BF2C5D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35BBA2A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A7B63E0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Unplanned return to OR related vs unrelated to principal operative procedure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AB360C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E950C1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6FE692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9142AD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119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5DAA3DA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A5C2E91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Related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D73769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8 (8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198AFA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1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9979A1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9 (90.5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7FF714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48D4632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70B6590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Unrelated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B442CD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2 (2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179F52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EBF7F7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2 (9.5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38AA47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3617771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6EC23DD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Missing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C28893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6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A24B1B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5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CC3605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71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E5320A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471091D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D4156F9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EB2543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A559FF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1E5B1D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3E4AEB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742F085C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1B84870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Unplanned return to OR (related or unknown)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5BFCE45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A59283F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969EA6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F52526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489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1EBAE384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B60A94F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64C0727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8 (99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DBB39A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85 (98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29EED3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73 (98.8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5FF505E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422E196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2B70FBB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3E3251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8 (1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C11D67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1 (1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35E7E0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9 (1.2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B15E63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16DA983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D92938F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B33C5CA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C37C581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2A0A7B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84F577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4CBE383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B0D594E" w14:textId="77777777" w:rsidR="00E40557" w:rsidRPr="00DA0F99" w:rsidRDefault="00E40557" w:rsidP="00FB4318">
            <w:pPr>
              <w:adjustRightInd w:val="0"/>
              <w:ind w:left="72"/>
              <w:jc w:val="both"/>
              <w:rPr>
                <w:b/>
                <w:bCs/>
                <w:color w:val="000000"/>
              </w:rPr>
            </w:pPr>
            <w:r w:rsidRPr="00DA0F99">
              <w:rPr>
                <w:b/>
                <w:bCs/>
                <w:color w:val="000000"/>
              </w:rPr>
              <w:t>Death within 30 days</w:t>
            </w:r>
            <w:r w:rsidRPr="00DA0F99">
              <w:rPr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A27E672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7C0667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B281F9B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D512326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.317</w:t>
            </w:r>
            <w:r w:rsidRPr="00DA0F99">
              <w:rPr>
                <w:color w:val="000000"/>
                <w:vertAlign w:val="superscript"/>
              </w:rPr>
              <w:t>2</w:t>
            </w:r>
          </w:p>
        </w:tc>
      </w:tr>
      <w:tr w:rsidR="00E40557" w:rsidRPr="005561CF" w14:paraId="080244E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87FF797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04A32A0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984E4A3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795 (99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A442A1D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591 (99.9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4107FC4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6482059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A19ABA1" w14:textId="77777777" w:rsidR="00E40557" w:rsidRPr="00DA0F99" w:rsidRDefault="00E40557" w:rsidP="00FB4318">
            <w:pPr>
              <w:adjustRightInd w:val="0"/>
              <w:ind w:left="173" w:firstLine="173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5DA204C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C15D12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C05EBA9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  <w:r w:rsidRPr="00DA0F99">
              <w:rPr>
                <w:color w:val="000000"/>
              </w:rPr>
              <w:t>1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A2E7D18" w14:textId="77777777" w:rsidR="00E40557" w:rsidRPr="00DA0F99" w:rsidRDefault="00E40557" w:rsidP="00FB4318">
            <w:pPr>
              <w:adjustRightInd w:val="0"/>
              <w:jc w:val="both"/>
              <w:rPr>
                <w:color w:val="000000"/>
              </w:rPr>
            </w:pPr>
          </w:p>
        </w:tc>
      </w:tr>
      <w:tr w:rsidR="00E40557" w:rsidRPr="005561CF" w14:paraId="61E18FD0" w14:textId="77777777" w:rsidTr="00FB4318">
        <w:trPr>
          <w:cantSplit/>
          <w:jc w:val="center"/>
        </w:trPr>
        <w:tc>
          <w:tcPr>
            <w:tcW w:w="9113" w:type="dxa"/>
            <w:gridSpan w:val="5"/>
            <w:tcBorders>
              <w:top w:val="single" w:sz="4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6B1D6611" w14:textId="77777777" w:rsidR="00E40557" w:rsidRPr="00DA0F99" w:rsidRDefault="00E40557" w:rsidP="00FB4318">
            <w:pPr>
              <w:adjustRightInd w:val="0"/>
              <w:ind w:left="86"/>
              <w:jc w:val="both"/>
              <w:rPr>
                <w:color w:val="000000"/>
              </w:rPr>
            </w:pPr>
            <w:r w:rsidRPr="00DA0F99">
              <w:rPr>
                <w:color w:val="000000"/>
                <w:vertAlign w:val="superscript"/>
              </w:rPr>
              <w:t>1</w:t>
            </w:r>
            <w:r w:rsidRPr="00DA0F99">
              <w:rPr>
                <w:color w:val="000000"/>
              </w:rPr>
              <w:t>Kruskal-Wallis p-value; </w:t>
            </w:r>
            <w:r w:rsidRPr="00DA0F99">
              <w:rPr>
                <w:color w:val="000000"/>
                <w:vertAlign w:val="superscript"/>
              </w:rPr>
              <w:t>2</w:t>
            </w:r>
            <w:r w:rsidRPr="00DA0F99">
              <w:rPr>
                <w:color w:val="000000"/>
              </w:rPr>
              <w:t>Chi-Square p-value;</w:t>
            </w:r>
          </w:p>
        </w:tc>
      </w:tr>
    </w:tbl>
    <w:p w14:paraId="1AE01A59" w14:textId="77777777" w:rsidR="009C05E5" w:rsidRDefault="009C05E5"/>
    <w:sectPr w:rsidR="009C05E5" w:rsidSect="009C05E5">
      <w:pgSz w:w="12240" w:h="15840" w:code="1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40557"/>
    <w:rsid w:val="002912FB"/>
    <w:rsid w:val="002A3C93"/>
    <w:rsid w:val="007364D7"/>
    <w:rsid w:val="009C05E5"/>
    <w:rsid w:val="00E40557"/>
    <w:rsid w:val="00EA200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7C5ACD37"/>
  <w15:chartTrackingRefBased/>
  <w15:docId w15:val="{EC4C4673-0CC5-4434-BA09-EE827E1FCA9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40557"/>
    <w:pPr>
      <w:spacing w:after="200" w:line="276" w:lineRule="auto"/>
    </w:pPr>
    <w:rPr>
      <w:rFonts w:ascii="Times New Roman" w:hAnsi="Times New Roman" w:cs="Times New Roman"/>
      <w:kern w:val="0"/>
      <w:sz w:val="24"/>
      <w:szCs w:val="24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299499\AppData\Local\Temp\Templafy\WordVsto\oexbqmnx.dotx" TargetMode="External"/></Relationships>
</file>

<file path=word/theme/theme1.xml><?xml version="1.0" encoding="utf-8"?>
<a:theme xmlns:a="http://schemas.openxmlformats.org/drawingml/2006/main" name="Office Theme">
  <a:themeElements>
    <a:clrScheme name="Custom 1_Mayo Clinic">
      <a:dk1>
        <a:srgbClr val="000000"/>
      </a:dk1>
      <a:lt1>
        <a:srgbClr val="FFFFFF"/>
      </a:lt1>
      <a:dk2>
        <a:srgbClr val="0057B8"/>
      </a:dk2>
      <a:lt2>
        <a:srgbClr val="FFFFFF"/>
      </a:lt2>
      <a:accent1>
        <a:srgbClr val="0057B8"/>
      </a:accent1>
      <a:accent2>
        <a:srgbClr val="009CDE"/>
      </a:accent2>
      <a:accent3>
        <a:srgbClr val="FFC845"/>
      </a:accent3>
      <a:accent4>
        <a:srgbClr val="00873E"/>
      </a:accent4>
      <a:accent5>
        <a:srgbClr val="8246AF"/>
      </a:accent5>
      <a:accent6>
        <a:srgbClr val="E3002B"/>
      </a:accent6>
      <a:hlink>
        <a:srgbClr val="009CDE"/>
      </a:hlink>
      <a:folHlink>
        <a:srgbClr val="000000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Standard Blank Document-MS Defaul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DC7B535-78E8-401A-805D-8013DD7CBCD4}">
  <ds:schemaRefs/>
</ds:datastoreItem>
</file>

<file path=customXml/itemProps2.xml><?xml version="1.0" encoding="utf-8"?>
<ds:datastoreItem xmlns:ds="http://schemas.openxmlformats.org/officeDocument/2006/customXml" ds:itemID="{0A69BE30-1B31-4AA8-A8A8-557476A98BEE}">
  <ds:schemaRefs/>
</ds:datastoreItem>
</file>

<file path=docMetadata/LabelInfo.xml><?xml version="1.0" encoding="utf-8"?>
<clbl:labelList xmlns:clbl="http://schemas.microsoft.com/office/2020/mipLabelMetadata">
  <clbl:label id="{11372f5f-8e19-4efb-8afe-8eac20a980c4}" enabled="1" method="Standard" siteId="{a25fff9c-3f63-4fb2-9a8a-d9bdd0321f9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oexbqmnx.dotx</Template>
  <TotalTime>0</TotalTime>
  <Pages>5</Pages>
  <Words>551</Words>
  <Characters>3145</Characters>
  <Application>Microsoft Office Word</Application>
  <DocSecurity>0</DocSecurity>
  <Lines>26</Lines>
  <Paragraphs>7</Paragraphs>
  <ScaleCrop>false</ScaleCrop>
  <Company/>
  <LinksUpToDate>false</LinksUpToDate>
  <CharactersWithSpaces>368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arayanamoorthy, Sujatha, M.B.B.S.</dc:creator>
  <cp:keywords/>
  <dc:description/>
  <cp:lastModifiedBy>Narayanamoorthy, Sujatha, M.B.B.S.</cp:lastModifiedBy>
  <cp:revision>1</cp:revision>
  <dcterms:created xsi:type="dcterms:W3CDTF">2025-04-04T21:48:00Z</dcterms:created>
  <dcterms:modified xsi:type="dcterms:W3CDTF">2025-04-04T21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cbrandtemplates</vt:lpwstr>
  </property>
  <property fmtid="{D5CDD505-2E9C-101B-9397-08002B2CF9AE}" pid="3" name="TemplafyTemplateId">
    <vt:lpwstr>857060844925354760</vt:lpwstr>
  </property>
  <property fmtid="{D5CDD505-2E9C-101B-9397-08002B2CF9AE}" pid="4" name="TemplafyUserProfileId">
    <vt:lpwstr>638259757519398781</vt:lpwstr>
  </property>
  <property fmtid="{D5CDD505-2E9C-101B-9397-08002B2CF9AE}" pid="5" name="TemplafyFromBlank">
    <vt:bool>true</vt:bool>
  </property>
</Properties>
</file>